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8"/>
  </p:notesMasterIdLst>
  <p:sldIdLst>
    <p:sldId id="343" r:id="rId2"/>
    <p:sldId id="348" r:id="rId3"/>
    <p:sldId id="350" r:id="rId4"/>
    <p:sldId id="349" r:id="rId5"/>
    <p:sldId id="352" r:id="rId6"/>
    <p:sldId id="351" r:id="rId7"/>
  </p:sldIdLst>
  <p:sldSz cx="12192000" cy="6858000"/>
  <p:notesSz cx="6858000" cy="9144000"/>
  <p:custDataLst>
    <p:tags r:id="rId9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0051962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425245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7057489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47211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9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un.org/preventing-sexual-exploitation-and-abuse/content/data-allegations-un-system-wide" TargetMode="External"/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https://www.un.org/preventing-sexual-exploitation-and-abuse/content/data-allegations-un-system-wide','_blank');" TargetMode="Externa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6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7.png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hyperlink" Target="javascript:window.open('/next_lesson/4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0" y="2129677"/>
            <a:ext cx="6979357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Numbers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7671791" y="665017"/>
            <a:ext cx="3609074" cy="10980378"/>
          </a:xfrm>
          <a:prstGeom prst="rect">
            <a:avLst/>
          </a:prstGeom>
        </p:spPr>
      </p:pic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1" y="3429000"/>
            <a:ext cx="6979357" cy="416096"/>
          </a:xfrm>
          <a:prstGeom prst="rect">
            <a:avLst/>
          </a:prstGeom>
        </p:spPr>
        <p:txBody>
          <a:bodyPr anchor="b">
            <a:normAutofit fontScale="85000" lnSpcReduction="1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400" b="0" i="0" u="none" strike="noStrike" dirty="0">
                <a:solidFill>
                  <a:srgbClr val="000000"/>
                </a:solidFill>
                <a:effectLst/>
              </a:rPr>
              <a:t>Prevalence of misconducts in the humanitarian field</a:t>
            </a:r>
            <a:endParaRPr lang="ru-RU" sz="60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80932" y="450704"/>
            <a:ext cx="3607780" cy="12149843"/>
          </a:xfrm>
          <a:prstGeom prst="rect">
            <a:avLst/>
          </a:prstGeom>
        </p:spPr>
      </p:pic>
      <p:sp>
        <p:nvSpPr>
          <p:cNvPr id="3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800183" y="525054"/>
            <a:ext cx="2050587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n-US" sz="2400" b="1" dirty="0">
                <a:solidFill>
                  <a:schemeClr val="tx1"/>
                </a:solidFill>
              </a:rPr>
              <a:t>Go to link:</a:t>
            </a:r>
            <a:endParaRPr lang="en-US" sz="2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E629DB6B-0784-85F7-D8DA-43F8A3ECA997}"/>
              </a:ext>
            </a:extLst>
          </p:cNvPr>
          <p:cNvSpPr/>
          <p:nvPr/>
        </p:nvSpPr>
        <p:spPr>
          <a:xfrm>
            <a:off x="418445" y="3524337"/>
            <a:ext cx="6381738" cy="869742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tx1"/>
                </a:solidFill>
              </a:rPr>
              <a:t>And find the following numbers:</a:t>
            </a:r>
          </a:p>
        </p:txBody>
      </p:sp>
      <p:sp>
        <p:nvSpPr>
          <p:cNvPr id="5" name="Arrow: Pentagon 4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912C1EC0-220B-36FB-8407-FE64AEB3D4AF}"/>
              </a:ext>
            </a:extLst>
          </p:cNvPr>
          <p:cNvSpPr/>
          <p:nvPr/>
        </p:nvSpPr>
        <p:spPr>
          <a:xfrm>
            <a:off x="418445" y="4605774"/>
            <a:ext cx="465231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  <p:sp>
        <p:nvSpPr>
          <p:cNvPr id="7" name="Rectangle: Rounded Corners 6">
            <a:hlinkClick r:id="rId7" action="ppaction://program"/>
            <a:extLst>
              <a:ext uri="{FF2B5EF4-FFF2-40B4-BE49-F238E27FC236}">
                <a16:creationId xmlns:a16="http://schemas.microsoft.com/office/drawing/2014/main" id="{8BFEF580-AF9B-23B4-00A4-539DC69BF6A0}"/>
              </a:ext>
            </a:extLst>
          </p:cNvPr>
          <p:cNvSpPr/>
          <p:nvPr/>
        </p:nvSpPr>
        <p:spPr>
          <a:xfrm>
            <a:off x="412388" y="736749"/>
            <a:ext cx="6387795" cy="2498470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schemeClr val="accent2"/>
                </a:solidFill>
                <a:hlinkClick r:id="rId8"/>
              </a:rPr>
              <a:t>https://www.un.org/preventing-sexual-exploitation-and-abuse/content/data-allegations-un-system-wide</a:t>
            </a:r>
            <a:endParaRPr lang="en-US" sz="2800" b="1" dirty="0">
              <a:solidFill>
                <a:schemeClr val="accent2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17" name="Picture 16">
            <a:extLst>
              <a:ext uri="{FF2B5EF4-FFF2-40B4-BE49-F238E27FC236}">
                <a16:creationId xmlns:a16="http://schemas.microsoft.com/office/drawing/2014/main" id="{0080AAD0-0FF0-E4EC-0392-C48FA81E9D64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80932" y="450704"/>
            <a:ext cx="3607780" cy="12149843"/>
          </a:xfrm>
          <a:prstGeom prst="rect">
            <a:avLst/>
          </a:prstGeom>
        </p:spPr>
      </p:pic>
      <p:sp>
        <p:nvSpPr>
          <p:cNvPr id="30" name="ISPRING_QUIZ_SHAPE0">
            <a:extLst>
              <a:ext uri="{FF2B5EF4-FFF2-40B4-BE49-F238E27FC236}">
                <a16:creationId xmlns:a16="http://schemas.microsoft.com/office/drawing/2014/main" id="{8B24F232-1140-564E-4C62-FFBDC136BFB2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2" name="ISPRING_QUIZ_SHAPE1">
            <a:extLst>
              <a:ext uri="{FF2B5EF4-FFF2-40B4-BE49-F238E27FC236}">
                <a16:creationId xmlns:a16="http://schemas.microsoft.com/office/drawing/2014/main" id="{E5F7945B-E1B7-0D69-47E2-90EAB7052626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33" name="ISPRING_QUIZ_SHAPE2">
            <a:extLst>
              <a:ext uri="{FF2B5EF4-FFF2-40B4-BE49-F238E27FC236}">
                <a16:creationId xmlns:a16="http://schemas.microsoft.com/office/drawing/2014/main" id="{0895D8BB-CD14-AA18-F265-4B751A567B40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35" name="ISPRING_QUIZ_SHAPE3">
            <a:extLst>
              <a:ext uri="{FF2B5EF4-FFF2-40B4-BE49-F238E27FC236}">
                <a16:creationId xmlns:a16="http://schemas.microsoft.com/office/drawing/2014/main" id="{279088F5-40BF-F52C-B2C8-E4228E8B3ACE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36" name="ISPRING_QUIZ_SHAPE4">
            <a:extLst>
              <a:ext uri="{FF2B5EF4-FFF2-40B4-BE49-F238E27FC236}">
                <a16:creationId xmlns:a16="http://schemas.microsoft.com/office/drawing/2014/main" id="{6862CA07-7192-0536-6CC6-6CA2E41B15E0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93015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29D9D3F0-2609-B148-9E43-BEC78E9E3298}"/>
              </a:ext>
            </a:extLst>
          </p:cNvPr>
          <p:cNvSpPr txBox="1"/>
          <p:nvPr/>
        </p:nvSpPr>
        <p:spPr>
          <a:xfrm>
            <a:off x="152400" y="394855"/>
            <a:ext cx="5943600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6600" b="1" dirty="0">
                <a:ln w="6600">
                  <a:solidFill>
                    <a:schemeClr val="accent2"/>
                  </a:solidFill>
                  <a:prstDash val="solid"/>
                </a:ln>
                <a:effectLst>
                  <a:outerShdw dist="38100" dir="2700000" algn="tl" rotWithShape="0">
                    <a:schemeClr val="accent2"/>
                  </a:outerShdw>
                </a:effectLst>
                <a:latin typeface="+mj-lt"/>
              </a:rPr>
              <a:t>Final Result</a:t>
            </a:r>
          </a:p>
        </p:txBody>
      </p:sp>
      <p:sp>
        <p:nvSpPr>
          <p:cNvPr id="5" name="Rectangle: Rounded Corners 4">
            <a:extLst>
              <a:ext uri="{FF2B5EF4-FFF2-40B4-BE49-F238E27FC236}">
                <a16:creationId xmlns:a16="http://schemas.microsoft.com/office/drawing/2014/main" id="{5428FBB5-D3B4-0963-0A32-40EE47C29D6A}"/>
              </a:ext>
            </a:extLst>
          </p:cNvPr>
          <p:cNvSpPr/>
          <p:nvPr/>
        </p:nvSpPr>
        <p:spPr>
          <a:xfrm>
            <a:off x="152400" y="1721951"/>
            <a:ext cx="7700061" cy="205367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Number of reported allegations on sexual exploitation and abuse in the UN system in 2023 (298)</a:t>
            </a:r>
          </a:p>
        </p:txBody>
      </p:sp>
      <p:sp>
        <p:nvSpPr>
          <p:cNvPr id="8" name="Rectangle: Rounded Corners 7">
            <a:extLst>
              <a:ext uri="{FF2B5EF4-FFF2-40B4-BE49-F238E27FC236}">
                <a16:creationId xmlns:a16="http://schemas.microsoft.com/office/drawing/2014/main" id="{3BD793A7-CE0D-BC95-4B33-AC2942C714E9}"/>
              </a:ext>
            </a:extLst>
          </p:cNvPr>
          <p:cNvSpPr/>
          <p:nvPr/>
        </p:nvSpPr>
        <p:spPr>
          <a:xfrm>
            <a:off x="184035" y="3994725"/>
            <a:ext cx="7636790" cy="205367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chemeClr val="tx1"/>
                </a:solidFill>
              </a:rPr>
              <a:t>Number of reported allegations on sexual exploitation and abuse in partner organizations in 2023 (382)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204837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95BF1AFB-ABC0-6E3D-F81C-21D15C62A741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13609" y="218207"/>
            <a:ext cx="3609074" cy="10980378"/>
          </a:xfrm>
          <a:prstGeom prst="rect">
            <a:avLst/>
          </a:prstGeom>
        </p:spPr>
      </p:pic>
      <p:sp>
        <p:nvSpPr>
          <p:cNvPr id="4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ISPRING_QUIZ_SHAPE1"/>
          <p:cNvPicPr>
            <a:picLocks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7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8" name="ISPRING_QUIZ_SHAPE3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75374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10" name="Arrow: Pentagon 9">
            <a:hlinkClick r:id="rId6" action="ppaction://program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980210" y="3096039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A7993293-7D61-A890-C0E9-BA67EAC3253B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/>
          <a:stretch>
            <a:fillRect/>
          </a:stretch>
        </p:blipFill>
        <p:spPr>
          <a:xfrm>
            <a:off x="8384031" y="336297"/>
            <a:ext cx="2827759" cy="102312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02327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UID" val="{F313902F-63A6-4F56-8386-EA33D58D04E9}"/>
  <p:tag name="ISPRING_SCORM_PASSING_SCORE" val="80.000000"/>
  <p:tag name="ISPRING_SCREEN_RECS_UPDATED" val="C:\Users\pc\Desktop\Nabad\safeguarding\en\lessons\numbers\"/>
  <p:tag name="ISPRING_ULTRA_SCORM_COURCE_TITLE" val="numbers"/>
  <p:tag name="ISPRING_PRESENTATION_TITLE" val="numbers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RESOURCE_FOLDER" val="C:\Users\hp\Desktop\Projects\Nabad\Nabad\safeguarding\en\lessons\numbers"/>
  <p:tag name="ISPRING_PRESENTATION_PATH" val="C:\Users\hp\Desktop\Projects\Nabad\Nabad\safeguarding\en\lessons\numbers.pptx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\uFFFDzV{57C549E0-46E2-4BE2-A8C6-FFFABDEA4AE1}&quot;,&quot;C:\\Users\\hp\\Desktop\\Projects\\Nabad\\Nabad\\safeguarding\\en\\lessons&quot;],[&quot;N\uFFFD\u0018\u0012{FE710B7D-E998-49F5-8687-981FF794AE92}&quot;,&quot;C:\\Users\\pc\\Desktop\\Nabad\\safeguarding\\en\\lessons&quot;]]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RELATIVE_PATH" val="numbers\quiz\quiz2.quiz"/>
  <p:tag name="GENSWF_SLIDE_UID" val="{BFBD1958-6185-4EFD-8F71-E2B137DB89F4}:352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FULL_PATH" val="C:\Users\hp\Desktop\Projects\Nabad\Nabad\safeguarding\en\lessons\numbers\quiz\quiz2.quiz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74944435-17E6-429E-97ED-97D577707607}:351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GENSWF_SLIDE_UID" val="{99948010-F83B-4BBF-96E5-26576C385100}:350"/>
  <p:tag name="ISPRING_QUIZ_RELATIVE_PATH" val="numbers\quiz\quiz1.quiz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FULL_PATH" val="C:\Users\hp\Desktop\Projects\Nabad\Nabad\safeguarding\en\lessons\numbers\quiz\quiz1.quiz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139238CA-6D90-459F-8920-54BE7B87F385}:349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8861</TotalTime>
  <Words>88</Words>
  <Application>Microsoft Office PowerPoint</Application>
  <PresentationFormat>Widescreen</PresentationFormat>
  <Paragraphs>20</Paragraphs>
  <Slides>6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13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umbers</dc:title>
  <dc:creator>pc</dc:creator>
  <cp:lastModifiedBy>Maher</cp:lastModifiedBy>
  <cp:revision>767</cp:revision>
  <dcterms:created xsi:type="dcterms:W3CDTF">2022-11-16T16:05:09Z</dcterms:created>
  <dcterms:modified xsi:type="dcterms:W3CDTF">2024-09-19T05:26:04Z</dcterms:modified>
</cp:coreProperties>
</file>